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4" d="100"/>
          <a:sy n="104" d="100"/>
        </p:scale>
        <p:origin x="888" y="-22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oensd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71DEAF2-888A-58BE-C77A-7959EDA6D82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11" y="5368346"/>
            <a:ext cx="2121754" cy="121364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1D4DCD6-8FF5-79CE-6E2B-D7E8F92AC0D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0736" y="4414982"/>
            <a:ext cx="1745051" cy="99816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1-18T11:04:12Z</dcterms:modified>
</cp:coreProperties>
</file>